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328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211C4E45-8559-46C7-8CD5-8F81F93D0627}" xr6:coauthVersionLast="47" xr6:coauthVersionMax="47" xr10:uidLastSave="{00000000-0000-0000-0000-000000000000}"/>
  <bookViews>
    <workbookView xWindow="1260" yWindow="1245" windowWidth="21600" windowHeight="11385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9" uniqueCount="9">
  <si>
    <t>Office</t>
  </si>
  <si>
    <t>Mutifamily</t>
  </si>
  <si>
    <t>Retail</t>
  </si>
  <si>
    <t>Industrial</t>
  </si>
  <si>
    <t>Current CBRE EA Cap Rate</t>
  </si>
  <si>
    <t>DSCR Implied Cap Rate</t>
  </si>
  <si>
    <t>Fair Value Cap Rate</t>
  </si>
  <si>
    <t>Spread Implied Cap Rate</t>
  </si>
  <si>
    <t>REIT Implied Cap Rat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" x14ac:knownFonts="1">
    <font>
      <sz val="11"/>
      <color theme="1"/>
      <name val="Calibre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0"/>
        <bgColor indexed="64"/>
      </patternFill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4">
    <xf numFmtId="0" fontId="0" fillId="0" borderId="0" xfId="0"/>
    <xf numFmtId="0" fontId="0" fillId="2" borderId="0" xfId="0" applyFill="1"/>
    <xf numFmtId="2" fontId="0" fillId="2" borderId="0" xfId="0" applyNumberFormat="1" applyFill="1"/>
    <xf numFmtId="2" fontId="0" fillId="0" borderId="0" xfId="0" applyNumberForma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E8"/>
  <sheetViews>
    <sheetView tabSelected="1" workbookViewId="0">
      <selection activeCell="C11" sqref="C11"/>
    </sheetView>
  </sheetViews>
  <sheetFormatPr defaultRowHeight="14.25" x14ac:dyDescent="0.2"/>
  <cols>
    <col min="1" max="1" width="27" customWidth="1"/>
  </cols>
  <sheetData>
    <row r="1" spans="1:5" x14ac:dyDescent="0.2">
      <c r="A1" s="1"/>
    </row>
    <row r="2" spans="1:5" x14ac:dyDescent="0.2">
      <c r="A2" s="1"/>
      <c r="B2" t="s">
        <v>0</v>
      </c>
      <c r="C2" t="s">
        <v>1</v>
      </c>
      <c r="D2" t="s">
        <v>2</v>
      </c>
      <c r="E2" t="s">
        <v>3</v>
      </c>
    </row>
    <row r="3" spans="1:5" x14ac:dyDescent="0.2">
      <c r="A3" s="1" t="s">
        <v>4</v>
      </c>
      <c r="B3" s="2">
        <v>6.42</v>
      </c>
      <c r="C3" s="2">
        <v>5.34</v>
      </c>
      <c r="D3" s="2">
        <v>6.44</v>
      </c>
      <c r="E3" s="2">
        <v>5.22</v>
      </c>
    </row>
    <row r="4" spans="1:5" x14ac:dyDescent="0.2">
      <c r="A4" s="1" t="s">
        <v>5</v>
      </c>
      <c r="B4" s="2">
        <v>7.7516249999999998</v>
      </c>
      <c r="C4" s="2">
        <v>5.4139937499999995</v>
      </c>
      <c r="D4" s="2">
        <v>6.8937539999999995</v>
      </c>
      <c r="E4" s="2">
        <v>5.0100807900000008</v>
      </c>
    </row>
    <row r="5" spans="1:5" x14ac:dyDescent="0.2">
      <c r="A5" s="1" t="s">
        <v>6</v>
      </c>
      <c r="B5" s="2">
        <v>7.4987652683258057</v>
      </c>
      <c r="C5" s="2">
        <v>5.0231363582611088</v>
      </c>
      <c r="D5" s="2">
        <v>5.4158967208862308</v>
      </c>
      <c r="E5" s="2">
        <v>5.6594421386718752</v>
      </c>
    </row>
    <row r="6" spans="1:5" x14ac:dyDescent="0.2">
      <c r="A6" s="1" t="s">
        <v>7</v>
      </c>
      <c r="B6" s="2">
        <v>7.05</v>
      </c>
      <c r="C6" s="2">
        <v>6.55</v>
      </c>
      <c r="D6" s="2">
        <v>7.45</v>
      </c>
      <c r="E6" s="2">
        <v>7.65</v>
      </c>
    </row>
    <row r="7" spans="1:5" x14ac:dyDescent="0.2">
      <c r="A7" s="1" t="s">
        <v>8</v>
      </c>
      <c r="B7" s="3">
        <v>7.1289238316515071</v>
      </c>
      <c r="C7" s="3">
        <v>6.2035873571362625</v>
      </c>
      <c r="D7" s="3">
        <v>6.3682131099292727</v>
      </c>
      <c r="E7" s="3">
        <v>4.2080806023342978</v>
      </c>
    </row>
    <row r="8" spans="1:5" x14ac:dyDescent="0.2">
      <c r="B8" s="3"/>
      <c r="C8" s="3"/>
      <c r="D8" s="3"/>
      <c r="E8" s="3"/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Metadata/LabelInfo.xml><?xml version="1.0" encoding="utf-8"?>
<clbl:labelList xmlns:clbl="http://schemas.microsoft.com/office/2020/mipLabelMetadata">
  <clbl:label id="{a4033ad9-086f-4644-8250-c4b04e194685}" enabled="1" method="Privileged" siteId="{0159e9d0-09a0-4edf-96ba-a3deea363c2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3-11-02T00:04:01Z</dcterms:created>
  <dcterms:modified xsi:type="dcterms:W3CDTF">2024-04-23T19:47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